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3-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3-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ederbetuw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A6BC731F-919F-6476-BBCD-54BF95937E6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07985" y="5026919"/>
            <a:ext cx="2104305" cy="162873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E853624-1384-7D1D-788B-DC3DFF8E80C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2272" y="3991428"/>
            <a:ext cx="1755734" cy="135893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6-13T08:00:47Z</dcterms:modified>
</cp:coreProperties>
</file>